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4"/>
  </p:sldMasterIdLst>
  <p:sldIdLst>
    <p:sldId id="262" r:id="rId5"/>
  </p:sldIdLst>
  <p:sldSz cx="9906000" cy="6858000" type="A4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12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3814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846" y="108"/>
      </p:cViewPr>
      <p:guideLst>
        <p:guide orient="horz" pos="2160"/>
        <p:guide pos="312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5" Type="http://schemas.openxmlformats.org/officeDocument/2006/relationships/slide" Target="slides/slide1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42950" y="1122363"/>
            <a:ext cx="84201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238250" y="3602038"/>
            <a:ext cx="74295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ES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99972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904868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088982" y="365125"/>
            <a:ext cx="2135981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81038" y="365125"/>
            <a:ext cx="6284119" cy="5811838"/>
          </a:xfrm>
        </p:spPr>
        <p:txBody>
          <a:bodyPr vert="eaVert"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821486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345638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5879" y="1709740"/>
            <a:ext cx="8543925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5879" y="4589465"/>
            <a:ext cx="8543925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114656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81038" y="1825625"/>
            <a:ext cx="4210050" cy="435133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014913" y="1825625"/>
            <a:ext cx="4210050" cy="435133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0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0825700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2328" y="365127"/>
            <a:ext cx="8543925" cy="1325563"/>
          </a:xfrm>
        </p:spPr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2329" y="1681163"/>
            <a:ext cx="4190702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82329" y="2505075"/>
            <a:ext cx="4190702" cy="368458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014913" y="1681163"/>
            <a:ext cx="4211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014913" y="2505075"/>
            <a:ext cx="4211340" cy="368458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0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107177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0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1151139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0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168549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2328" y="457200"/>
            <a:ext cx="3194943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211340" y="987427"/>
            <a:ext cx="5014913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2328" y="2057400"/>
            <a:ext cx="3194943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0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262918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2328" y="457200"/>
            <a:ext cx="3194943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4211340" y="987427"/>
            <a:ext cx="5014913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2328" y="2057400"/>
            <a:ext cx="3194943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0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114854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81038" y="365127"/>
            <a:ext cx="8543925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1038" y="1825625"/>
            <a:ext cx="8543925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81038" y="6356352"/>
            <a:ext cx="222885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3/1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281363" y="6356352"/>
            <a:ext cx="334327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996113" y="6356352"/>
            <a:ext cx="222885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25776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slideLayout" Target="../slideLayouts/slideLayout7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OTLSHAPE_SL_52b9b4099485496eb572fb859922f03e_BackgroundRectangle">
            <a:extLst>
              <a:ext uri="{FF2B5EF4-FFF2-40B4-BE49-F238E27FC236}">
                <a16:creationId xmlns:a16="http://schemas.microsoft.com/office/drawing/2014/main" id="{9265A842-B61F-4DEF-85C8-5540379797E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51593" y="3701833"/>
            <a:ext cx="8915402" cy="1069023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4" dirty="0">
              <a:latin typeface="Futura Std Book" panose="020B0502020204020303" pitchFamily="34" charset="0"/>
            </a:endParaRPr>
          </a:p>
        </p:txBody>
      </p:sp>
      <p:sp>
        <p:nvSpPr>
          <p:cNvPr id="16" name="OTLSHAPE_SL_b494066f3b51443792ad7e945bb2e0bb_BackgroundRectangle">
            <a:extLst>
              <a:ext uri="{FF2B5EF4-FFF2-40B4-BE49-F238E27FC236}">
                <a16:creationId xmlns:a16="http://schemas.microsoft.com/office/drawing/2014/main" id="{DF443A58-F6DB-451A-AE0A-5A3E1390A90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51593" y="4822445"/>
            <a:ext cx="8915402" cy="36322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4" dirty="0">
              <a:latin typeface="Futura Std Book" panose="020B0502020204020303" pitchFamily="34" charset="0"/>
            </a:endParaRPr>
          </a:p>
        </p:txBody>
      </p:sp>
      <p:sp>
        <p:nvSpPr>
          <p:cNvPr id="19" name="OTLSHAPE_SL_4c5d8f56506745aa88aaf5ae4023549b_BackgroundRectangle">
            <a:extLst>
              <a:ext uri="{FF2B5EF4-FFF2-40B4-BE49-F238E27FC236}">
                <a16:creationId xmlns:a16="http://schemas.microsoft.com/office/drawing/2014/main" id="{FD7697CE-F3A6-4F1B-B8AE-73DC97192D17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51593" y="2934115"/>
            <a:ext cx="8915402" cy="716122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4" dirty="0">
              <a:latin typeface="Futura Std Book" panose="020B0502020204020303" pitchFamily="34" charset="0"/>
            </a:endParaRPr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52036DB2-E4A2-431A-97CD-747A9A002A1A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77010" y="2339474"/>
            <a:ext cx="1219308" cy="5498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3573" b="1" spc="-73" dirty="0">
                <a:solidFill>
                  <a:schemeClr val="accent2"/>
                </a:solidFill>
                <a:latin typeface="Futura Std Book" panose="020B0502020204020303" pitchFamily="34" charset="0"/>
              </a:rPr>
              <a:t>2020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E7AA0ACB-181C-49C4-91AB-9AB8F61BA20C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9089663" y="2681130"/>
            <a:ext cx="551690" cy="25006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625" b="1" spc="-37" dirty="0">
                <a:solidFill>
                  <a:schemeClr val="accent2"/>
                </a:solidFill>
                <a:latin typeface="Futura Std Book" panose="020B0502020204020303" pitchFamily="34" charset="0"/>
              </a:rPr>
              <a:t>2020</a:t>
            </a:r>
          </a:p>
        </p:txBody>
      </p:sp>
      <p:cxnSp>
        <p:nvCxnSpPr>
          <p:cNvPr id="4" name="OTLSHAPE_M_5cb93c42c4ca4be89de13d38ebfbf34b_Connector1">
            <a:extLst>
              <a:ext uri="{FF2B5EF4-FFF2-40B4-BE49-F238E27FC236}">
                <a16:creationId xmlns:a16="http://schemas.microsoft.com/office/drawing/2014/main" id="{E412D337-14F3-4341-9F8D-C2BCF9DC479A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826917" y="2108617"/>
            <a:ext cx="0" cy="350838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M_ce26170957a94899b810e6f3c6ef8ef5_Connector1">
            <a:extLst>
              <a:ext uri="{FF2B5EF4-FFF2-40B4-BE49-F238E27FC236}">
                <a16:creationId xmlns:a16="http://schemas.microsoft.com/office/drawing/2014/main" id="{9F8D95A5-48C5-44E2-8D4B-B4982DF64C11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8429044" y="1572043"/>
            <a:ext cx="0" cy="887413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afcf5eedd0374e01a8d66fb1165c61f7_Connector1">
            <a:extLst>
              <a:ext uri="{FF2B5EF4-FFF2-40B4-BE49-F238E27FC236}">
                <a16:creationId xmlns:a16="http://schemas.microsoft.com/office/drawing/2014/main" id="{62D31F5B-75C1-40F4-992A-51EF138A9030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671769" y="2046701"/>
            <a:ext cx="0" cy="41274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33" name="OTLSHAPE_TB_00000000000000000000000000000000_ScaleContainer">
            <a:extLst>
              <a:ext uri="{FF2B5EF4-FFF2-40B4-BE49-F238E27FC236}">
                <a16:creationId xmlns:a16="http://schemas.microsoft.com/office/drawing/2014/main" id="{AD4D0D2C-05FD-4B65-B8BC-8477E1907506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527177" y="2459450"/>
            <a:ext cx="7437066" cy="309563"/>
          </a:xfrm>
          <a:prstGeom prst="rect">
            <a:avLst/>
          </a:prstGeom>
          <a:gradFill flip="none" rotWithShape="1">
            <a:gsLst>
              <a:gs pos="0">
                <a:srgbClr val="5E5E5E"/>
              </a:gs>
              <a:gs pos="100000">
                <a:srgbClr val="5E5E5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2000" endA="300" endPos="350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4" dirty="0">
              <a:latin typeface="Futura Std Book" panose="020B0502020204020303" pitchFamily="34" charset="0"/>
            </a:endParaRPr>
          </a:p>
        </p:txBody>
      </p:sp>
      <p:sp>
        <p:nvSpPr>
          <p:cNvPr id="14" name="OTLSHAPE_SL_52b9b4099485496eb572fb859922f03e_HeaderRectangle">
            <a:extLst>
              <a:ext uri="{FF2B5EF4-FFF2-40B4-BE49-F238E27FC236}">
                <a16:creationId xmlns:a16="http://schemas.microsoft.com/office/drawing/2014/main" id="{4772D10F-16AD-43A5-977D-D03021FD1D0B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51596" y="3701833"/>
            <a:ext cx="1475580" cy="1069023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 sz="1464" dirty="0">
              <a:latin typeface="Futura Std Book" panose="020B0502020204020303" pitchFamily="34" charset="0"/>
            </a:endParaRPr>
          </a:p>
        </p:txBody>
      </p:sp>
      <p:sp>
        <p:nvSpPr>
          <p:cNvPr id="17" name="OTLSHAPE_SL_b494066f3b51443792ad7e945bb2e0bb_HeaderRectangle">
            <a:extLst>
              <a:ext uri="{FF2B5EF4-FFF2-40B4-BE49-F238E27FC236}">
                <a16:creationId xmlns:a16="http://schemas.microsoft.com/office/drawing/2014/main" id="{F8767BD8-D016-40D1-B3E9-3CBC4744B8D2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51596" y="4822445"/>
            <a:ext cx="1475580" cy="363220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4" dirty="0">
              <a:latin typeface="Futura Std Book" panose="020B0502020204020303" pitchFamily="34" charset="0"/>
            </a:endParaRPr>
          </a:p>
        </p:txBody>
      </p:sp>
      <p:sp>
        <p:nvSpPr>
          <p:cNvPr id="21" name="OTLSHAPE_SL_4c5d8f56506745aa88aaf5ae4023549b_HeaderRectangle">
            <a:extLst>
              <a:ext uri="{FF2B5EF4-FFF2-40B4-BE49-F238E27FC236}">
                <a16:creationId xmlns:a16="http://schemas.microsoft.com/office/drawing/2014/main" id="{5E10B291-7E8E-47E2-8398-B99F5603E4AD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51596" y="2934115"/>
            <a:ext cx="1475580" cy="716122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4" dirty="0">
              <a:latin typeface="Futura Std Book" panose="020B0502020204020303" pitchFamily="34" charset="0"/>
            </a:endParaRPr>
          </a:p>
        </p:txBody>
      </p:sp>
      <p:cxnSp>
        <p:nvCxnSpPr>
          <p:cNvPr id="23" name="OTLSHAPE_G_00000000000000000000000000000000_ShapeBelow0">
            <a:extLst>
              <a:ext uri="{FF2B5EF4-FFF2-40B4-BE49-F238E27FC236}">
                <a16:creationId xmlns:a16="http://schemas.microsoft.com/office/drawing/2014/main" id="{48F968F2-DEB6-4AA1-8A4E-3801DC43F075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035417" y="2769015"/>
            <a:ext cx="0" cy="2416653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G_00000000000000000000000000000000_ShapeBelow1">
            <a:extLst>
              <a:ext uri="{FF2B5EF4-FFF2-40B4-BE49-F238E27FC236}">
                <a16:creationId xmlns:a16="http://schemas.microsoft.com/office/drawing/2014/main" id="{9C4EEFEF-D90C-486B-9CF9-A0B65F060D52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540315" y="2769015"/>
            <a:ext cx="0" cy="2416653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G_00000000000000000000000000000000_ShapeBelow2">
            <a:extLst>
              <a:ext uri="{FF2B5EF4-FFF2-40B4-BE49-F238E27FC236}">
                <a16:creationId xmlns:a16="http://schemas.microsoft.com/office/drawing/2014/main" id="{18E1C90F-92DE-4532-97A5-5FEFD7D10CC3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5996667" y="2769015"/>
            <a:ext cx="0" cy="2416653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G_00000000000000000000000000000000_ShapeBelow3">
            <a:extLst>
              <a:ext uri="{FF2B5EF4-FFF2-40B4-BE49-F238E27FC236}">
                <a16:creationId xmlns:a16="http://schemas.microsoft.com/office/drawing/2014/main" id="{3FAE4DFA-A394-400F-BEAA-8DB86F377833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501559" y="2769015"/>
            <a:ext cx="0" cy="2416653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OTLSHAPE_SLT_252e96058a3546e0b06f0e93390d2b22_Shape">
            <a:extLst>
              <a:ext uri="{FF2B5EF4-FFF2-40B4-BE49-F238E27FC236}">
                <a16:creationId xmlns:a16="http://schemas.microsoft.com/office/drawing/2014/main" id="{CDA16D34-7418-4BC9-B3D9-58AD42A488B0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035419" y="3868995"/>
            <a:ext cx="1465263" cy="165101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 sz="1464"/>
          </a:p>
        </p:txBody>
      </p:sp>
      <p:sp>
        <p:nvSpPr>
          <p:cNvPr id="69" name="OTLSHAPE_SLT_d041283d8f3c4122b11f3269142dbb8d_Shape">
            <a:extLst>
              <a:ext uri="{FF2B5EF4-FFF2-40B4-BE49-F238E27FC236}">
                <a16:creationId xmlns:a16="http://schemas.microsoft.com/office/drawing/2014/main" id="{38BD188B-5859-4A3C-AF56-418ACF0D2E49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909229" y="4221896"/>
            <a:ext cx="1950242" cy="165101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 sz="1464"/>
          </a:p>
        </p:txBody>
      </p:sp>
      <p:sp>
        <p:nvSpPr>
          <p:cNvPr id="71" name="OTLSHAPE_SLT_bf5ec3bb92844330b37b9e6940186a3e_Shape">
            <a:extLst>
              <a:ext uri="{FF2B5EF4-FFF2-40B4-BE49-F238E27FC236}">
                <a16:creationId xmlns:a16="http://schemas.microsoft.com/office/drawing/2014/main" id="{CC7B0043-276C-4371-946E-687747501B35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831587" y="4574795"/>
            <a:ext cx="2187575" cy="165101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 sz="1464"/>
          </a:p>
        </p:txBody>
      </p:sp>
      <p:sp>
        <p:nvSpPr>
          <p:cNvPr id="73" name="OTLSHAPE_SLT_a5c61adb4e234cd6a6999ae92167f5da_Shape">
            <a:extLst>
              <a:ext uri="{FF2B5EF4-FFF2-40B4-BE49-F238E27FC236}">
                <a16:creationId xmlns:a16="http://schemas.microsoft.com/office/drawing/2014/main" id="{B94B7DCC-69A1-4198-8C40-0F3DFFCEBB15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306555" y="4989611"/>
            <a:ext cx="2435225" cy="165101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 sz="1464">
              <a:solidFill>
                <a:schemeClr val="tx1"/>
              </a:solidFill>
            </a:endParaRPr>
          </a:p>
        </p:txBody>
      </p:sp>
      <p:sp>
        <p:nvSpPr>
          <p:cNvPr id="47" name="OTLSHAPE_SLT_c0879fc783884e34854bcc3a792e074d_Shape">
            <a:extLst>
              <a:ext uri="{FF2B5EF4-FFF2-40B4-BE49-F238E27FC236}">
                <a16:creationId xmlns:a16="http://schemas.microsoft.com/office/drawing/2014/main" id="{5C3720E7-AFA7-46DF-99B2-88B72F25742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808338" y="3101277"/>
            <a:ext cx="993701" cy="165100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 sz="1464"/>
          </a:p>
        </p:txBody>
      </p:sp>
      <p:sp>
        <p:nvSpPr>
          <p:cNvPr id="75" name="OTLSHAPE_SLT_a5c24f085cce4d9581ad46c32c060c13_Shape">
            <a:extLst>
              <a:ext uri="{FF2B5EF4-FFF2-40B4-BE49-F238E27FC236}">
                <a16:creationId xmlns:a16="http://schemas.microsoft.com/office/drawing/2014/main" id="{FDF71C1B-173B-4310-931D-42C7C61F141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094415" y="3454178"/>
            <a:ext cx="1380721" cy="165100"/>
          </a:xfrm>
          <a:prstGeom prst="roundRect">
            <a:avLst/>
          </a:prstGeom>
          <a:solidFill>
            <a:srgbClr val="FEBA0A"/>
          </a:solidFill>
          <a:ln w="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 sz="1464"/>
          </a:p>
        </p:txBody>
      </p:sp>
      <p:sp>
        <p:nvSpPr>
          <p:cNvPr id="834" name="OTLSHAPE_TB_00000000000000000000000000000000_ElapsedTime" hidden="1">
            <a:extLst>
              <a:ext uri="{FF2B5EF4-FFF2-40B4-BE49-F238E27FC236}">
                <a16:creationId xmlns:a16="http://schemas.microsoft.com/office/drawing/2014/main" id="{523D70C7-0E37-4C10-82F2-12C84F6A7561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302231" y="3367091"/>
            <a:ext cx="2352674" cy="61911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4" dirty="0"/>
          </a:p>
        </p:txBody>
      </p:sp>
      <p:sp>
        <p:nvSpPr>
          <p:cNvPr id="68" name="OTLSHAPE_SLT_252e96058a3546e0b06f0e93390d2b22_ShapePercentage" hidden="1">
            <a:extLst>
              <a:ext uri="{FF2B5EF4-FFF2-40B4-BE49-F238E27FC236}">
                <a16:creationId xmlns:a16="http://schemas.microsoft.com/office/drawing/2014/main" id="{8FF6C92E-3268-4E78-A1AF-035EF627059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0319" y="653256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 sz="1464"/>
          </a:p>
        </p:txBody>
      </p:sp>
      <p:sp>
        <p:nvSpPr>
          <p:cNvPr id="70" name="OTLSHAPE_SLT_d041283d8f3c4122b11f3269142dbb8d_ShapePercentage" hidden="1">
            <a:extLst>
              <a:ext uri="{FF2B5EF4-FFF2-40B4-BE49-F238E27FC236}">
                <a16:creationId xmlns:a16="http://schemas.microsoft.com/office/drawing/2014/main" id="{B3413473-F4A2-4242-8AAF-E9B61DDD50B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319" y="653256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 sz="1464"/>
          </a:p>
        </p:txBody>
      </p:sp>
      <p:sp>
        <p:nvSpPr>
          <p:cNvPr id="72" name="OTLSHAPE_SLT_bf5ec3bb92844330b37b9e6940186a3e_ShapePercentage" hidden="1">
            <a:extLst>
              <a:ext uri="{FF2B5EF4-FFF2-40B4-BE49-F238E27FC236}">
                <a16:creationId xmlns:a16="http://schemas.microsoft.com/office/drawing/2014/main" id="{F90F4E97-5738-4F09-B3D6-29530F644FA1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0319" y="653256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 sz="1464"/>
          </a:p>
        </p:txBody>
      </p:sp>
      <p:sp>
        <p:nvSpPr>
          <p:cNvPr id="74" name="OTLSHAPE_SLT_a5c61adb4e234cd6a6999ae92167f5da_ShapePercentage" hidden="1">
            <a:extLst>
              <a:ext uri="{FF2B5EF4-FFF2-40B4-BE49-F238E27FC236}">
                <a16:creationId xmlns:a16="http://schemas.microsoft.com/office/drawing/2014/main" id="{314ED2EB-F456-4E4B-95B1-136754F45C6C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0319" y="653256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 sz="1464">
              <a:solidFill>
                <a:schemeClr val="tx1"/>
              </a:solidFill>
            </a:endParaRPr>
          </a:p>
        </p:txBody>
      </p:sp>
      <p:sp>
        <p:nvSpPr>
          <p:cNvPr id="48" name="OTLSHAPE_SLT_c0879fc783884e34854bcc3a792e074d_ShapePercentage" hidden="1">
            <a:extLst>
              <a:ext uri="{FF2B5EF4-FFF2-40B4-BE49-F238E27FC236}">
                <a16:creationId xmlns:a16="http://schemas.microsoft.com/office/drawing/2014/main" id="{5A06B9D6-E61A-43F3-9796-07D07514A5A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0319" y="65325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 sz="1464"/>
          </a:p>
        </p:txBody>
      </p:sp>
      <p:sp>
        <p:nvSpPr>
          <p:cNvPr id="76" name="OTLSHAPE_SLT_a5c24f085cce4d9581ad46c32c060c13_ShapePercentage" hidden="1">
            <a:extLst>
              <a:ext uri="{FF2B5EF4-FFF2-40B4-BE49-F238E27FC236}">
                <a16:creationId xmlns:a16="http://schemas.microsoft.com/office/drawing/2014/main" id="{E3C4991A-562F-4733-B66E-4EA92DFC743C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0319" y="65325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 sz="1464"/>
          </a:p>
        </p:txBody>
      </p:sp>
      <p:sp>
        <p:nvSpPr>
          <p:cNvPr id="15" name="OTLSHAPE_SL_52b9b4099485496eb572fb859922f03e_Header">
            <a:extLst>
              <a:ext uri="{FF2B5EF4-FFF2-40B4-BE49-F238E27FC236}">
                <a16:creationId xmlns:a16="http://schemas.microsoft.com/office/drawing/2014/main" id="{C6DCB466-E46B-42E3-A9F3-7FF3E0288E53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51596" y="4087752"/>
            <a:ext cx="1475580" cy="2971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s-ES" sz="975" b="1">
                <a:solidFill>
                  <a:srgbClr val="161C23"/>
                </a:solidFill>
                <a:latin typeface="Futura Std Book" panose="020B0502020204020303" pitchFamily="34" charset="0"/>
              </a:rPr>
              <a:t>Fase II: Trabajo experimental</a:t>
            </a:r>
            <a:endParaRPr lang="es-ES" sz="975" b="1" dirty="0">
              <a:solidFill>
                <a:srgbClr val="161C23"/>
              </a:solidFill>
              <a:latin typeface="Futura Std Book" panose="020B0502020204020303" pitchFamily="34" charset="0"/>
            </a:endParaRPr>
          </a:p>
        </p:txBody>
      </p:sp>
      <p:sp>
        <p:nvSpPr>
          <p:cNvPr id="18" name="OTLSHAPE_SL_b494066f3b51443792ad7e945bb2e0bb_Header">
            <a:extLst>
              <a:ext uri="{FF2B5EF4-FFF2-40B4-BE49-F238E27FC236}">
                <a16:creationId xmlns:a16="http://schemas.microsoft.com/office/drawing/2014/main" id="{3BC9F738-67C6-48B6-9768-4394C3D7F40C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1596" y="4929761"/>
            <a:ext cx="1475580" cy="1485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s-ES" sz="975" b="1">
                <a:solidFill>
                  <a:schemeClr val="dk1"/>
                </a:solidFill>
                <a:latin typeface="Futura Std Book" panose="020B0502020204020303" pitchFamily="34" charset="0"/>
              </a:rPr>
              <a:t>Fase III: Memoria</a:t>
            </a:r>
            <a:endParaRPr lang="es-ES" sz="975" b="1" dirty="0">
              <a:solidFill>
                <a:schemeClr val="dk1"/>
              </a:solidFill>
              <a:latin typeface="Futura Std Book" panose="020B0502020204020303" pitchFamily="34" charset="0"/>
            </a:endParaRPr>
          </a:p>
        </p:txBody>
      </p:sp>
      <p:sp>
        <p:nvSpPr>
          <p:cNvPr id="22" name="OTLSHAPE_SL_4c5d8f56506745aa88aaf5ae4023549b_Header">
            <a:extLst>
              <a:ext uri="{FF2B5EF4-FFF2-40B4-BE49-F238E27FC236}">
                <a16:creationId xmlns:a16="http://schemas.microsoft.com/office/drawing/2014/main" id="{B7737362-7E4C-4A9F-8DDA-4E8418105C1E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51596" y="3217878"/>
            <a:ext cx="1475580" cy="1485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s-ES" sz="975" b="1">
                <a:solidFill>
                  <a:srgbClr val="582707"/>
                </a:solidFill>
                <a:latin typeface="Futura Std Book" panose="020B0502020204020303" pitchFamily="34" charset="0"/>
              </a:rPr>
              <a:t>Fase I: Formación</a:t>
            </a:r>
            <a:endParaRPr lang="es-ES" sz="975" b="1" dirty="0">
              <a:solidFill>
                <a:srgbClr val="582707"/>
              </a:solidFill>
              <a:latin typeface="Futura Std Book" panose="020B0502020204020303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33259E49-64CC-4542-BEA6-11793480D85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600689" y="3429002"/>
            <a:ext cx="92869" cy="103188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 sz="1464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63C554D6-1D9E-46A4-9686-FD78E0CC7D17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548099" y="3532759"/>
            <a:ext cx="193836" cy="1500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975" spc="-17">
                <a:solidFill>
                  <a:schemeClr val="dk1"/>
                </a:solidFill>
                <a:latin typeface="Calibri" panose="020F0502020204030204" pitchFamily="34" charset="0"/>
              </a:rPr>
              <a:t>Hoy</a:t>
            </a:r>
            <a:endParaRPr lang="ro-RO" sz="975" spc="-17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E6BDA673-9E9A-4220-9A86-92E80A581CB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679207" y="2539939"/>
            <a:ext cx="376301" cy="14859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975" spc="-18" dirty="0">
                <a:solidFill>
                  <a:schemeClr val="lt1"/>
                </a:solidFill>
                <a:latin typeface="Futura Std Book" panose="020B0502020204020303" pitchFamily="34" charset="0"/>
              </a:rPr>
              <a:t>febrero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B8F8634B-51B1-459B-82AF-CBD562F67D5D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087014" y="2539939"/>
            <a:ext cx="336811" cy="14859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975" spc="-20" dirty="0">
                <a:solidFill>
                  <a:schemeClr val="lt1"/>
                </a:solidFill>
                <a:latin typeface="Futura Std Book" panose="020B0502020204020303" pitchFamily="34" charset="0"/>
              </a:rPr>
              <a:t>marzo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82A194A4-7F08-4890-8553-C2265C8832E9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591912" y="2539939"/>
            <a:ext cx="237826" cy="14859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975" spc="-20">
                <a:solidFill>
                  <a:schemeClr val="lt1"/>
                </a:solidFill>
                <a:latin typeface="Futura Std Book" panose="020B0502020204020303" pitchFamily="34" charset="0"/>
              </a:rPr>
              <a:t>abril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F27188A7-98B3-4165-AA16-5D6D4E607717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048263" y="2539939"/>
            <a:ext cx="299244" cy="14859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975" spc="-20">
                <a:solidFill>
                  <a:schemeClr val="lt1"/>
                </a:solidFill>
                <a:latin typeface="Futura Std Book" panose="020B0502020204020303" pitchFamily="34" charset="0"/>
              </a:rPr>
              <a:t>mayo</a:t>
            </a:r>
            <a:endParaRPr lang="ro-RO" sz="975" spc="-20" dirty="0">
              <a:solidFill>
                <a:schemeClr val="lt1"/>
              </a:solidFill>
              <a:latin typeface="Futura Std Book" panose="020B0502020204020303" pitchFamily="34" charset="0"/>
            </a:endParaRP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AFD7CF9B-271A-40AC-B823-5E8551AEBD98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7553157" y="2539939"/>
            <a:ext cx="257363" cy="14859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975" spc="-20">
                <a:solidFill>
                  <a:schemeClr val="lt1"/>
                </a:solidFill>
                <a:latin typeface="Futura Std Book" panose="020B0502020204020303" pitchFamily="34" charset="0"/>
              </a:rPr>
              <a:t>junio</a:t>
            </a:r>
            <a:endParaRPr lang="ro-RO" sz="975" spc="-20" dirty="0">
              <a:solidFill>
                <a:schemeClr val="lt1"/>
              </a:solidFill>
              <a:latin typeface="Futura Std Book" panose="020B0502020204020303" pitchFamily="34" charset="0"/>
            </a:endParaRPr>
          </a:p>
        </p:txBody>
      </p:sp>
      <p:sp>
        <p:nvSpPr>
          <p:cNvPr id="39" name="OTLSHAPE_SLT_252e96058a3546e0b06f0e93390d2b22_Duration">
            <a:extLst>
              <a:ext uri="{FF2B5EF4-FFF2-40B4-BE49-F238E27FC236}">
                <a16:creationId xmlns:a16="http://schemas.microsoft.com/office/drawing/2014/main" id="{C7ED9D59-34BF-4274-AA48-822515F40C56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533013" y="3889158"/>
            <a:ext cx="350838" cy="1247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11" spc="-10" dirty="0">
                <a:solidFill>
                  <a:srgbClr val="2F3699"/>
                </a:solidFill>
                <a:latin typeface="Futura Std Book" panose="020B0502020204020303" pitchFamily="34" charset="0"/>
              </a:rPr>
              <a:t>30 </a:t>
            </a:r>
            <a:r>
              <a:rPr lang="en-US" sz="811" spc="-10" dirty="0" err="1">
                <a:solidFill>
                  <a:srgbClr val="2F3699"/>
                </a:solidFill>
                <a:latin typeface="Futura Std Book" panose="020B0502020204020303" pitchFamily="34" charset="0"/>
              </a:rPr>
              <a:t>días</a:t>
            </a:r>
            <a:endParaRPr lang="en-US" sz="811" spc="-10" dirty="0">
              <a:solidFill>
                <a:srgbClr val="2F3699"/>
              </a:solidFill>
              <a:latin typeface="Futura Std Book" panose="020B0502020204020303" pitchFamily="34" charset="0"/>
            </a:endParaRPr>
          </a:p>
        </p:txBody>
      </p:sp>
      <p:sp>
        <p:nvSpPr>
          <p:cNvPr id="42" name="OTLSHAPE_SLT_252e96058a3546e0b06f0e93390d2b22_TextPercentage" hidden="1">
            <a:extLst>
              <a:ext uri="{FF2B5EF4-FFF2-40B4-BE49-F238E27FC236}">
                <a16:creationId xmlns:a16="http://schemas.microsoft.com/office/drawing/2014/main" id="{4568AB94-9461-4154-BE60-0A1CFDB8CD60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0319" y="653130"/>
            <a:ext cx="0" cy="2253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464"/>
          </a:p>
        </p:txBody>
      </p:sp>
      <p:sp>
        <p:nvSpPr>
          <p:cNvPr id="43" name="OTLSHAPE_SLT_252e96058a3546e0b06f0e93390d2b22_StartDate" hidden="1">
            <a:extLst>
              <a:ext uri="{FF2B5EF4-FFF2-40B4-BE49-F238E27FC236}">
                <a16:creationId xmlns:a16="http://schemas.microsoft.com/office/drawing/2014/main" id="{5D082D6C-C35C-43EE-8F7B-6DD6DE5E654D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0319" y="653130"/>
            <a:ext cx="0" cy="2253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464"/>
          </a:p>
        </p:txBody>
      </p:sp>
      <p:sp>
        <p:nvSpPr>
          <p:cNvPr id="44" name="OTLSHAPE_SLT_252e96058a3546e0b06f0e93390d2b22_EndDate" hidden="1">
            <a:extLst>
              <a:ext uri="{FF2B5EF4-FFF2-40B4-BE49-F238E27FC236}">
                <a16:creationId xmlns:a16="http://schemas.microsoft.com/office/drawing/2014/main" id="{4B894C07-9454-4220-A1BA-3665F3DF796B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0319" y="653130"/>
            <a:ext cx="0" cy="2253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464"/>
          </a:p>
        </p:txBody>
      </p:sp>
      <p:sp>
        <p:nvSpPr>
          <p:cNvPr id="51" name="OTLSHAPE_SLT_252e96058a3546e0b06f0e93390d2b22_JoinedDate">
            <a:extLst>
              <a:ext uri="{FF2B5EF4-FFF2-40B4-BE49-F238E27FC236}">
                <a16:creationId xmlns:a16="http://schemas.microsoft.com/office/drawing/2014/main" id="{99FE5300-44F1-4F52-9566-862A7F841047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394994" y="3889630"/>
            <a:ext cx="742949" cy="1238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s-ES" sz="811" spc="-13" dirty="0">
                <a:solidFill>
                  <a:schemeClr val="lt1"/>
                </a:solidFill>
                <a:latin typeface="Futura Std Book" panose="020B0502020204020303" pitchFamily="34" charset="0"/>
              </a:rPr>
              <a:t>mar. 1 - mar. 30</a:t>
            </a:r>
          </a:p>
        </p:txBody>
      </p:sp>
      <p:sp>
        <p:nvSpPr>
          <p:cNvPr id="52" name="OTLSHAPE_SLT_252e96058a3546e0b06f0e93390d2b22_Title">
            <a:extLst>
              <a:ext uri="{FF2B5EF4-FFF2-40B4-BE49-F238E27FC236}">
                <a16:creationId xmlns:a16="http://schemas.microsoft.com/office/drawing/2014/main" id="{2CC41FCF-B7EE-4318-90E9-B2343A4C054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3035419" y="3732785"/>
            <a:ext cx="1888331" cy="1362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ES" sz="895" b="1" spc="-10" dirty="0">
                <a:solidFill>
                  <a:schemeClr val="dk1"/>
                </a:solidFill>
                <a:latin typeface="Futura Std Medium" panose="020B0502020204020303" pitchFamily="34" charset="0"/>
              </a:rPr>
              <a:t>Generación de instancias del problema</a:t>
            </a:r>
          </a:p>
        </p:txBody>
      </p:sp>
      <p:sp>
        <p:nvSpPr>
          <p:cNvPr id="1155" name="OTLSHAPE_SLT_d041283d8f3c4122b11f3269142dbb8d_Duration">
            <a:extLst>
              <a:ext uri="{FF2B5EF4-FFF2-40B4-BE49-F238E27FC236}">
                <a16:creationId xmlns:a16="http://schemas.microsoft.com/office/drawing/2014/main" id="{7EECAB5E-A0A8-4B18-B8B7-DDBC7020B144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5892274" y="4242058"/>
            <a:ext cx="350838" cy="1247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11" spc="-10">
                <a:solidFill>
                  <a:srgbClr val="2F3699"/>
                </a:solidFill>
                <a:latin typeface="Futura Std Book" panose="020B0502020204020303" pitchFamily="34" charset="0"/>
              </a:rPr>
              <a:t>40 días</a:t>
            </a:r>
          </a:p>
        </p:txBody>
      </p:sp>
      <p:sp>
        <p:nvSpPr>
          <p:cNvPr id="1156" name="OTLSHAPE_SLT_d041283d8f3c4122b11f3269142dbb8d_TextPercentage" hidden="1">
            <a:extLst>
              <a:ext uri="{FF2B5EF4-FFF2-40B4-BE49-F238E27FC236}">
                <a16:creationId xmlns:a16="http://schemas.microsoft.com/office/drawing/2014/main" id="{835AC967-B880-4A8A-8F07-F1125757569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0319" y="653130"/>
            <a:ext cx="0" cy="2253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464"/>
          </a:p>
        </p:txBody>
      </p:sp>
      <p:sp>
        <p:nvSpPr>
          <p:cNvPr id="1161" name="OTLSHAPE_SLT_d041283d8f3c4122b11f3269142dbb8d_StartDate" hidden="1">
            <a:extLst>
              <a:ext uri="{FF2B5EF4-FFF2-40B4-BE49-F238E27FC236}">
                <a16:creationId xmlns:a16="http://schemas.microsoft.com/office/drawing/2014/main" id="{2F5A4E15-D6FF-427C-835E-29CF35B309F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0319" y="653130"/>
            <a:ext cx="0" cy="2253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464">
              <a:solidFill>
                <a:schemeClr val="lt1"/>
              </a:solidFill>
            </a:endParaRPr>
          </a:p>
        </p:txBody>
      </p:sp>
      <p:sp>
        <p:nvSpPr>
          <p:cNvPr id="1163" name="OTLSHAPE_SLT_d041283d8f3c4122b11f3269142dbb8d_EndDate" hidden="1">
            <a:extLst>
              <a:ext uri="{FF2B5EF4-FFF2-40B4-BE49-F238E27FC236}">
                <a16:creationId xmlns:a16="http://schemas.microsoft.com/office/drawing/2014/main" id="{4074E719-0F33-464C-9091-D00E4DC09AA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0319" y="653130"/>
            <a:ext cx="0" cy="2253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464">
              <a:solidFill>
                <a:schemeClr val="lt1"/>
              </a:solidFill>
            </a:endParaRPr>
          </a:p>
        </p:txBody>
      </p:sp>
      <p:sp>
        <p:nvSpPr>
          <p:cNvPr id="1164" name="OTLSHAPE_SLT_d041283d8f3c4122b11f3269142dbb8d_Title">
            <a:extLst>
              <a:ext uri="{FF2B5EF4-FFF2-40B4-BE49-F238E27FC236}">
                <a16:creationId xmlns:a16="http://schemas.microsoft.com/office/drawing/2014/main" id="{7ABA5EDA-5526-4218-A407-2DEA02879AB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909232" y="4085687"/>
            <a:ext cx="2445544" cy="1362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ES" sz="895" b="1" spc="-13" dirty="0">
                <a:solidFill>
                  <a:schemeClr val="dk1"/>
                </a:solidFill>
                <a:latin typeface="Futura Std Medium" panose="020B0502020204020303" pitchFamily="34" charset="0"/>
              </a:rPr>
              <a:t>Diseño e implementación de un algoritmo evolutivo</a:t>
            </a:r>
          </a:p>
        </p:txBody>
      </p:sp>
      <p:sp>
        <p:nvSpPr>
          <p:cNvPr id="1171" name="OTLSHAPE_SLT_d041283d8f3c4122b11f3269142dbb8d_JoinedDate">
            <a:extLst>
              <a:ext uri="{FF2B5EF4-FFF2-40B4-BE49-F238E27FC236}">
                <a16:creationId xmlns:a16="http://schemas.microsoft.com/office/drawing/2014/main" id="{001A2DB5-13A9-4A49-B110-1B488980D842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489604" y="4242532"/>
            <a:ext cx="784225" cy="1238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s-ES" sz="811" spc="-10" dirty="0">
                <a:solidFill>
                  <a:schemeClr val="lt1"/>
                </a:solidFill>
                <a:latin typeface="Futura Std Book" panose="020B0502020204020303" pitchFamily="34" charset="0"/>
              </a:rPr>
              <a:t>mar. 19 - abr. 27</a:t>
            </a:r>
          </a:p>
        </p:txBody>
      </p:sp>
      <p:sp>
        <p:nvSpPr>
          <p:cNvPr id="1174" name="OTLSHAPE_SLT_bf5ec3bb92844330b37b9e6940186a3e_Duration">
            <a:extLst>
              <a:ext uri="{FF2B5EF4-FFF2-40B4-BE49-F238E27FC236}">
                <a16:creationId xmlns:a16="http://schemas.microsoft.com/office/drawing/2014/main" id="{8201E4D2-D7B0-465F-999D-746D4E1B9EC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7057355" y="4594959"/>
            <a:ext cx="350838" cy="1247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11" spc="-10">
                <a:solidFill>
                  <a:srgbClr val="2F3699"/>
                </a:solidFill>
                <a:latin typeface="Futura Std Book" panose="020B0502020204020303" pitchFamily="34" charset="0"/>
              </a:rPr>
              <a:t>45 días</a:t>
            </a:r>
            <a:endParaRPr lang="en-US" sz="811" spc="-10" dirty="0">
              <a:solidFill>
                <a:srgbClr val="2F3699"/>
              </a:solidFill>
              <a:latin typeface="Futura Std Book" panose="020B0502020204020303" pitchFamily="34" charset="0"/>
            </a:endParaRPr>
          </a:p>
        </p:txBody>
      </p:sp>
      <p:sp>
        <p:nvSpPr>
          <p:cNvPr id="1175" name="OTLSHAPE_SLT_bf5ec3bb92844330b37b9e6940186a3e_TextPercentage" hidden="1">
            <a:extLst>
              <a:ext uri="{FF2B5EF4-FFF2-40B4-BE49-F238E27FC236}">
                <a16:creationId xmlns:a16="http://schemas.microsoft.com/office/drawing/2014/main" id="{12C15788-0574-425B-9382-9FF929549BE2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0319" y="653130"/>
            <a:ext cx="0" cy="2253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464"/>
          </a:p>
        </p:txBody>
      </p:sp>
      <p:sp>
        <p:nvSpPr>
          <p:cNvPr id="1176" name="OTLSHAPE_SLT_bf5ec3bb92844330b37b9e6940186a3e_StartDate" hidden="1">
            <a:extLst>
              <a:ext uri="{FF2B5EF4-FFF2-40B4-BE49-F238E27FC236}">
                <a16:creationId xmlns:a16="http://schemas.microsoft.com/office/drawing/2014/main" id="{4619C4F0-DF12-484B-9269-214EB95E738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0319" y="653130"/>
            <a:ext cx="0" cy="2253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464"/>
          </a:p>
        </p:txBody>
      </p:sp>
      <p:sp>
        <p:nvSpPr>
          <p:cNvPr id="1177" name="OTLSHAPE_SLT_bf5ec3bb92844330b37b9e6940186a3e_EndDate" hidden="1">
            <a:extLst>
              <a:ext uri="{FF2B5EF4-FFF2-40B4-BE49-F238E27FC236}">
                <a16:creationId xmlns:a16="http://schemas.microsoft.com/office/drawing/2014/main" id="{3F2294FE-161C-4064-8448-5A1A2772BCBF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0319" y="653130"/>
            <a:ext cx="0" cy="2253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464"/>
          </a:p>
        </p:txBody>
      </p:sp>
      <p:sp>
        <p:nvSpPr>
          <p:cNvPr id="1178" name="OTLSHAPE_SLT_bf5ec3bb92844330b37b9e6940186a3e_Title">
            <a:extLst>
              <a:ext uri="{FF2B5EF4-FFF2-40B4-BE49-F238E27FC236}">
                <a16:creationId xmlns:a16="http://schemas.microsoft.com/office/drawing/2014/main" id="{83880FE4-24F0-452B-AD43-9547B59F8C74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831585" y="4438585"/>
            <a:ext cx="1836738" cy="1362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ES" sz="895" b="1" spc="-14">
                <a:solidFill>
                  <a:schemeClr val="dk1"/>
                </a:solidFill>
                <a:latin typeface="Futura Std Medium" panose="020B0502020204020303" pitchFamily="34" charset="0"/>
              </a:rPr>
              <a:t>Evaluación experimental del algoritmo</a:t>
            </a:r>
            <a:endParaRPr lang="es-ES" sz="895" b="1" spc="-14" dirty="0">
              <a:solidFill>
                <a:schemeClr val="dk1"/>
              </a:solidFill>
              <a:latin typeface="Futura Std Medium" panose="020B0502020204020303" pitchFamily="34" charset="0"/>
            </a:endParaRPr>
          </a:p>
        </p:txBody>
      </p:sp>
      <p:sp>
        <p:nvSpPr>
          <p:cNvPr id="1179" name="OTLSHAPE_SLT_bf5ec3bb92844330b37b9e6940186a3e_JoinedDate">
            <a:extLst>
              <a:ext uri="{FF2B5EF4-FFF2-40B4-BE49-F238E27FC236}">
                <a16:creationId xmlns:a16="http://schemas.microsoft.com/office/drawing/2014/main" id="{6B914198-8CFF-4449-8F9F-F17544451C5B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557723" y="4595436"/>
            <a:ext cx="732633" cy="1238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s-ES" sz="811" spc="-13" dirty="0">
                <a:solidFill>
                  <a:schemeClr val="lt1"/>
                </a:solidFill>
                <a:latin typeface="Futura Std Book" panose="020B0502020204020303" pitchFamily="34" charset="0"/>
              </a:rPr>
              <a:t>abr. 7 - </a:t>
            </a:r>
            <a:r>
              <a:rPr lang="es-ES" sz="811" spc="-13" dirty="0" err="1">
                <a:solidFill>
                  <a:schemeClr val="lt1"/>
                </a:solidFill>
                <a:latin typeface="Futura Std Book" panose="020B0502020204020303" pitchFamily="34" charset="0"/>
              </a:rPr>
              <a:t>may</a:t>
            </a:r>
            <a:r>
              <a:rPr lang="es-ES" sz="811" spc="-13" dirty="0">
                <a:solidFill>
                  <a:schemeClr val="lt1"/>
                </a:solidFill>
                <a:latin typeface="Futura Std Book" panose="020B0502020204020303" pitchFamily="34" charset="0"/>
              </a:rPr>
              <a:t>. 21</a:t>
            </a:r>
          </a:p>
        </p:txBody>
      </p:sp>
      <p:sp>
        <p:nvSpPr>
          <p:cNvPr id="1182" name="OTLSHAPE_SLT_a5c61adb4e234cd6a6999ae92167f5da_StartDate" hidden="1">
            <a:extLst>
              <a:ext uri="{FF2B5EF4-FFF2-40B4-BE49-F238E27FC236}">
                <a16:creationId xmlns:a16="http://schemas.microsoft.com/office/drawing/2014/main" id="{0F74A079-1C52-4F8F-8970-C593C9D8467B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0319" y="653130"/>
            <a:ext cx="0" cy="2253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464">
              <a:solidFill>
                <a:schemeClr val="lt1"/>
              </a:solidFill>
            </a:endParaRPr>
          </a:p>
        </p:txBody>
      </p:sp>
      <p:sp>
        <p:nvSpPr>
          <p:cNvPr id="1183" name="OTLSHAPE_SLT_a5c61adb4e234cd6a6999ae92167f5da_EndDate" hidden="1">
            <a:extLst>
              <a:ext uri="{FF2B5EF4-FFF2-40B4-BE49-F238E27FC236}">
                <a16:creationId xmlns:a16="http://schemas.microsoft.com/office/drawing/2014/main" id="{1FB27108-2FB7-4933-A2B1-999C868FE239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0319" y="653130"/>
            <a:ext cx="0" cy="2253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464">
              <a:solidFill>
                <a:schemeClr val="lt1"/>
              </a:solidFill>
            </a:endParaRPr>
          </a:p>
        </p:txBody>
      </p:sp>
      <p:sp>
        <p:nvSpPr>
          <p:cNvPr id="1185" name="OTLSHAPE_SLT_a5c61adb4e234cd6a6999ae92167f5da_Duration">
            <a:extLst>
              <a:ext uri="{FF2B5EF4-FFF2-40B4-BE49-F238E27FC236}">
                <a16:creationId xmlns:a16="http://schemas.microsoft.com/office/drawing/2014/main" id="{08DD265E-D937-4EA9-BF04-5307EB87F2B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775080" y="5009774"/>
            <a:ext cx="350838" cy="1247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811" spc="-10">
                <a:solidFill>
                  <a:srgbClr val="148D35"/>
                </a:solidFill>
                <a:latin typeface="Futura Std Book" panose="020B0502020204020303" pitchFamily="34" charset="0"/>
              </a:rPr>
              <a:t>50 días</a:t>
            </a:r>
            <a:endParaRPr lang="es-ES" sz="811" spc="-10" dirty="0">
              <a:solidFill>
                <a:srgbClr val="148D35"/>
              </a:solidFill>
              <a:latin typeface="Futura Std Book" panose="020B0502020204020303" pitchFamily="34" charset="0"/>
            </a:endParaRPr>
          </a:p>
        </p:txBody>
      </p:sp>
      <p:sp>
        <p:nvSpPr>
          <p:cNvPr id="1189" name="OTLSHAPE_SLT_a5c61adb4e234cd6a6999ae92167f5da_Title">
            <a:extLst>
              <a:ext uri="{FF2B5EF4-FFF2-40B4-BE49-F238E27FC236}">
                <a16:creationId xmlns:a16="http://schemas.microsoft.com/office/drawing/2014/main" id="{8D47A4EB-8C89-4F8F-878A-C545B0475758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306553" y="4853402"/>
            <a:ext cx="1227934" cy="1362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ES" sz="895" b="1" spc="-10" dirty="0">
                <a:solidFill>
                  <a:schemeClr val="dk1"/>
                </a:solidFill>
                <a:latin typeface="Futura Std Medium" panose="020B0502020204020303" pitchFamily="34" charset="0"/>
              </a:rPr>
              <a:t>Redacción de la memoria</a:t>
            </a:r>
          </a:p>
        </p:txBody>
      </p:sp>
      <p:sp>
        <p:nvSpPr>
          <p:cNvPr id="1190" name="OTLSHAPE_SLT_a5c61adb4e234cd6a6999ae92167f5da_TextPercentage" hidden="1">
            <a:extLst>
              <a:ext uri="{FF2B5EF4-FFF2-40B4-BE49-F238E27FC236}">
                <a16:creationId xmlns:a16="http://schemas.microsoft.com/office/drawing/2014/main" id="{29F4A328-CB0F-4A4E-BFDA-A2F9C1C2FE18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325864" y="5055280"/>
            <a:ext cx="216694" cy="1247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11" spc="-18">
                <a:solidFill>
                  <a:schemeClr val="lt2"/>
                </a:solidFill>
                <a:latin typeface="Futura Std Book" panose="020B0502020204020303" pitchFamily="34" charset="0"/>
              </a:rPr>
              <a:t>50%</a:t>
            </a:r>
          </a:p>
        </p:txBody>
      </p:sp>
      <p:sp>
        <p:nvSpPr>
          <p:cNvPr id="1226" name="OTLSHAPE_SLT_a5c61adb4e234cd6a6999ae92167f5da_JoinedDate">
            <a:extLst>
              <a:ext uri="{FF2B5EF4-FFF2-40B4-BE49-F238E27FC236}">
                <a16:creationId xmlns:a16="http://schemas.microsoft.com/office/drawing/2014/main" id="{C2BBE237-2D5C-444C-B228-F449E6DEFB4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177855" y="5010245"/>
            <a:ext cx="691356" cy="1238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11" spc="-10" dirty="0">
                <a:solidFill>
                  <a:schemeClr val="lt1"/>
                </a:solidFill>
                <a:latin typeface="Futura Std Book" panose="020B0502020204020303" pitchFamily="34" charset="0"/>
              </a:rPr>
              <a:t>abr. 16 - jun. 5</a:t>
            </a:r>
          </a:p>
        </p:txBody>
      </p:sp>
      <p:sp>
        <p:nvSpPr>
          <p:cNvPr id="49" name="OTLSHAPE_SLT_c0879fc783884e34854bcc3a792e074d_Duration">
            <a:extLst>
              <a:ext uri="{FF2B5EF4-FFF2-40B4-BE49-F238E27FC236}">
                <a16:creationId xmlns:a16="http://schemas.microsoft.com/office/drawing/2014/main" id="{75DB849D-9CF7-4524-93D3-774ED896EFB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833936" y="3121442"/>
            <a:ext cx="350838" cy="1247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811" spc="-10" dirty="0">
                <a:solidFill>
                  <a:srgbClr val="C0504D"/>
                </a:solidFill>
                <a:latin typeface="Futura Std Book" panose="020B0502020204020303" pitchFamily="34" charset="0"/>
              </a:rPr>
              <a:t>20 días</a:t>
            </a:r>
          </a:p>
        </p:txBody>
      </p:sp>
      <p:sp>
        <p:nvSpPr>
          <p:cNvPr id="50" name="OTLSHAPE_SLT_c0879fc783884e34854bcc3a792e074d_StartDate" hidden="1">
            <a:extLst>
              <a:ext uri="{FF2B5EF4-FFF2-40B4-BE49-F238E27FC236}">
                <a16:creationId xmlns:a16="http://schemas.microsoft.com/office/drawing/2014/main" id="{655D9118-10DF-4852-80D3-43E910F7A25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0319" y="653130"/>
            <a:ext cx="0" cy="2253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S" sz="1464"/>
          </a:p>
        </p:txBody>
      </p:sp>
      <p:sp>
        <p:nvSpPr>
          <p:cNvPr id="53" name="OTLSHAPE_SLT_c0879fc783884e34854bcc3a792e074d_EndDate" hidden="1">
            <a:extLst>
              <a:ext uri="{FF2B5EF4-FFF2-40B4-BE49-F238E27FC236}">
                <a16:creationId xmlns:a16="http://schemas.microsoft.com/office/drawing/2014/main" id="{9544C449-7990-471B-8BFD-2BE2B37AD48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319" y="653130"/>
            <a:ext cx="0" cy="2253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S" sz="1464"/>
          </a:p>
        </p:txBody>
      </p:sp>
      <p:sp>
        <p:nvSpPr>
          <p:cNvPr id="54" name="OTLSHAPE_SLT_c0879fc783884e34854bcc3a792e074d_Title">
            <a:extLst>
              <a:ext uri="{FF2B5EF4-FFF2-40B4-BE49-F238E27FC236}">
                <a16:creationId xmlns:a16="http://schemas.microsoft.com/office/drawing/2014/main" id="{25C0E740-A25E-44EC-AE57-B552FC02B3FF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821758" y="2965070"/>
            <a:ext cx="1031875" cy="1362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ES" sz="895" b="1" spc="-13" dirty="0">
                <a:solidFill>
                  <a:schemeClr val="dk1"/>
                </a:solidFill>
                <a:latin typeface="Futura Std Medium" panose="020B0502020204020303" pitchFamily="34" charset="0"/>
              </a:rPr>
              <a:t>Revisión bibliográfica</a:t>
            </a:r>
          </a:p>
        </p:txBody>
      </p:sp>
      <p:sp>
        <p:nvSpPr>
          <p:cNvPr id="55" name="OTLSHAPE_SLT_c0879fc783884e34854bcc3a792e074d_JoinedDate">
            <a:extLst>
              <a:ext uri="{FF2B5EF4-FFF2-40B4-BE49-F238E27FC236}">
                <a16:creationId xmlns:a16="http://schemas.microsoft.com/office/drawing/2014/main" id="{4B58EEE1-656D-4F65-A700-B2861001ED0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964419" y="3121916"/>
            <a:ext cx="691356" cy="1238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s-ES" sz="811" spc="-5" dirty="0">
                <a:solidFill>
                  <a:schemeClr val="dk2"/>
                </a:solidFill>
                <a:latin typeface="Futura Std Book" panose="020B0502020204020303" pitchFamily="34" charset="0"/>
              </a:rPr>
              <a:t>feb. 4 - feb. 24</a:t>
            </a:r>
          </a:p>
        </p:txBody>
      </p:sp>
      <p:sp>
        <p:nvSpPr>
          <p:cNvPr id="56" name="OTLSHAPE_SLT_c0879fc783884e34854bcc3a792e074d_TextPercentage" hidden="1">
            <a:extLst>
              <a:ext uri="{FF2B5EF4-FFF2-40B4-BE49-F238E27FC236}">
                <a16:creationId xmlns:a16="http://schemas.microsoft.com/office/drawing/2014/main" id="{67626BED-F80C-4E12-BB51-38A766CE725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0319" y="653130"/>
            <a:ext cx="0" cy="2253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S" sz="1464"/>
          </a:p>
        </p:txBody>
      </p:sp>
      <p:sp>
        <p:nvSpPr>
          <p:cNvPr id="77" name="OTLSHAPE_SLT_a5c24f085cce4d9581ad46c32c060c13_Duration">
            <a:extLst>
              <a:ext uri="{FF2B5EF4-FFF2-40B4-BE49-F238E27FC236}">
                <a16:creationId xmlns:a16="http://schemas.microsoft.com/office/drawing/2014/main" id="{F47B1BE3-DC35-47D4-89E1-E5D87FC76AB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513567" y="3474343"/>
            <a:ext cx="350838" cy="1247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811" spc="-10" dirty="0">
                <a:solidFill>
                  <a:srgbClr val="C0504D"/>
                </a:solidFill>
                <a:latin typeface="Futura Std Book" panose="020B0502020204020303" pitchFamily="34" charset="0"/>
              </a:rPr>
              <a:t>28 días</a:t>
            </a:r>
          </a:p>
        </p:txBody>
      </p:sp>
      <p:sp>
        <p:nvSpPr>
          <p:cNvPr id="78" name="OTLSHAPE_SLT_a5c24f085cce4d9581ad46c32c060c13_StartDate" hidden="1">
            <a:extLst>
              <a:ext uri="{FF2B5EF4-FFF2-40B4-BE49-F238E27FC236}">
                <a16:creationId xmlns:a16="http://schemas.microsoft.com/office/drawing/2014/main" id="{E667818F-1A03-44E3-A1DE-17BD9A5611FD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0319" y="653130"/>
            <a:ext cx="0" cy="2253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S" sz="1464"/>
          </a:p>
        </p:txBody>
      </p:sp>
      <p:sp>
        <p:nvSpPr>
          <p:cNvPr id="79" name="OTLSHAPE_SLT_a5c24f085cce4d9581ad46c32c060c13_EndDate" hidden="1">
            <a:extLst>
              <a:ext uri="{FF2B5EF4-FFF2-40B4-BE49-F238E27FC236}">
                <a16:creationId xmlns:a16="http://schemas.microsoft.com/office/drawing/2014/main" id="{CDE44500-D921-408D-9BBF-6DE8CF523B6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319" y="653130"/>
            <a:ext cx="0" cy="2253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S" sz="1464"/>
          </a:p>
        </p:txBody>
      </p:sp>
      <p:sp>
        <p:nvSpPr>
          <p:cNvPr id="80" name="OTLSHAPE_SLT_a5c24f085cce4d9581ad46c32c060c13_Title">
            <a:extLst>
              <a:ext uri="{FF2B5EF4-FFF2-40B4-BE49-F238E27FC236}">
                <a16:creationId xmlns:a16="http://schemas.microsoft.com/office/drawing/2014/main" id="{595A4912-56AA-4B3F-A866-7BB26E894B5A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2113065" y="3317972"/>
            <a:ext cx="2786063" cy="1362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ES" sz="895" b="1" spc="-5" dirty="0">
                <a:solidFill>
                  <a:schemeClr val="dk1"/>
                </a:solidFill>
                <a:latin typeface="Futura Std Medium" panose="020B0502020204020303" pitchFamily="34" charset="0"/>
              </a:rPr>
              <a:t>Formación en herramientas necesarias (SUMO, </a:t>
            </a:r>
            <a:r>
              <a:rPr lang="es-ES" sz="895" b="1" spc="-5" dirty="0" err="1">
                <a:solidFill>
                  <a:schemeClr val="dk1"/>
                </a:solidFill>
                <a:latin typeface="Futura Std Medium" panose="020B0502020204020303" pitchFamily="34" charset="0"/>
              </a:rPr>
              <a:t>alg</a:t>
            </a:r>
            <a:r>
              <a:rPr lang="es-ES" sz="895" b="1" spc="-5" dirty="0">
                <a:solidFill>
                  <a:schemeClr val="dk1"/>
                </a:solidFill>
                <a:latin typeface="Futura Std Medium" panose="020B0502020204020303" pitchFamily="34" charset="0"/>
              </a:rPr>
              <a:t>. </a:t>
            </a:r>
            <a:r>
              <a:rPr lang="es-ES" sz="895" b="1" spc="-5" dirty="0" err="1">
                <a:solidFill>
                  <a:schemeClr val="dk1"/>
                </a:solidFill>
                <a:latin typeface="Futura Std Medium" panose="020B0502020204020303" pitchFamily="34" charset="0"/>
              </a:rPr>
              <a:t>evol</a:t>
            </a:r>
            <a:r>
              <a:rPr lang="es-ES" sz="895" b="1" spc="-5" dirty="0">
                <a:solidFill>
                  <a:schemeClr val="dk1"/>
                </a:solidFill>
                <a:latin typeface="Futura Std Medium" panose="020B0502020204020303" pitchFamily="34" charset="0"/>
              </a:rPr>
              <a:t>.)</a:t>
            </a:r>
          </a:p>
        </p:txBody>
      </p:sp>
      <p:sp>
        <p:nvSpPr>
          <p:cNvPr id="81" name="OTLSHAPE_SLT_a5c24f085cce4d9581ad46c32c060c13_JoinedDate">
            <a:extLst>
              <a:ext uri="{FF2B5EF4-FFF2-40B4-BE49-F238E27FC236}">
                <a16:creationId xmlns:a16="http://schemas.microsoft.com/office/drawing/2014/main" id="{F8430F92-4F72-49FE-AFF7-33EE53A38F8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436990" y="3474819"/>
            <a:ext cx="711996" cy="1238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s-ES" sz="811" spc="-10" dirty="0">
                <a:solidFill>
                  <a:schemeClr val="dk2"/>
                </a:solidFill>
                <a:latin typeface="Futura Std Book" panose="020B0502020204020303" pitchFamily="34" charset="0"/>
              </a:rPr>
              <a:t>feb. 11 - mar. 9</a:t>
            </a:r>
          </a:p>
        </p:txBody>
      </p:sp>
      <p:sp>
        <p:nvSpPr>
          <p:cNvPr id="82" name="OTLSHAPE_SLT_a5c24f085cce4d9581ad46c32c060c13_TextPercentage" hidden="1">
            <a:extLst>
              <a:ext uri="{FF2B5EF4-FFF2-40B4-BE49-F238E27FC236}">
                <a16:creationId xmlns:a16="http://schemas.microsoft.com/office/drawing/2014/main" id="{1CA643C8-ABBA-4244-8319-8A389A2E8FCC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0319" y="653130"/>
            <a:ext cx="0" cy="2253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S" sz="1464"/>
          </a:p>
        </p:txBody>
      </p:sp>
      <p:cxnSp>
        <p:nvCxnSpPr>
          <p:cNvPr id="835" name="OTLSHAPE_TB_00000000000000000000000000000000_Separator1">
            <a:extLst>
              <a:ext uri="{FF2B5EF4-FFF2-40B4-BE49-F238E27FC236}">
                <a16:creationId xmlns:a16="http://schemas.microsoft.com/office/drawing/2014/main" id="{11DE6977-3DFC-4237-8ED6-90FC5E8BA9A0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3035417" y="2531685"/>
            <a:ext cx="0" cy="165101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6" name="OTLSHAPE_TB_00000000000000000000000000000000_Separator2">
            <a:extLst>
              <a:ext uri="{FF2B5EF4-FFF2-40B4-BE49-F238E27FC236}">
                <a16:creationId xmlns:a16="http://schemas.microsoft.com/office/drawing/2014/main" id="{BB632716-EF2D-483A-976E-F89E39545AC1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4540315" y="2531685"/>
            <a:ext cx="0" cy="165101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9" name="OTLSHAPE_TB_00000000000000000000000000000000_Separator3">
            <a:extLst>
              <a:ext uri="{FF2B5EF4-FFF2-40B4-BE49-F238E27FC236}">
                <a16:creationId xmlns:a16="http://schemas.microsoft.com/office/drawing/2014/main" id="{6F44E8A3-6B2F-4036-9DA6-0BC56B021D7E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5996667" y="2531685"/>
            <a:ext cx="0" cy="165101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0" name="OTLSHAPE_TB_00000000000000000000000000000000_Separator4">
            <a:extLst>
              <a:ext uri="{FF2B5EF4-FFF2-40B4-BE49-F238E27FC236}">
                <a16:creationId xmlns:a16="http://schemas.microsoft.com/office/drawing/2014/main" id="{FDF0C0A1-863D-4D22-8EA8-B7F5A0535B31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7501559" y="2531685"/>
            <a:ext cx="0" cy="165101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M_5cb93c42c4ca4be89de13d38ebfbf34b_Shape">
            <a:extLst>
              <a:ext uri="{FF2B5EF4-FFF2-40B4-BE49-F238E27FC236}">
                <a16:creationId xmlns:a16="http://schemas.microsoft.com/office/drawing/2014/main" id="{CD9C111E-DF17-4B8F-BFAF-25FD15E16C0B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 rot="16200000">
            <a:off x="1853681" y="2102490"/>
            <a:ext cx="134144" cy="154781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 sz="1464"/>
          </a:p>
        </p:txBody>
      </p:sp>
      <p:sp>
        <p:nvSpPr>
          <p:cNvPr id="40" name="OTLSHAPE_M_ce26170957a94899b810e6f3c6ef8ef5_Shape">
            <a:extLst>
              <a:ext uri="{FF2B5EF4-FFF2-40B4-BE49-F238E27FC236}">
                <a16:creationId xmlns:a16="http://schemas.microsoft.com/office/drawing/2014/main" id="{C7FF5413-3747-48BF-AC26-B27DE2A6A5EE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 rot="16200000">
            <a:off x="8449685" y="1572040"/>
            <a:ext cx="134144" cy="134144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 sz="1464"/>
          </a:p>
        </p:txBody>
      </p:sp>
      <p:sp>
        <p:nvSpPr>
          <p:cNvPr id="46" name="OTLSHAPE_M_afcf5eedd0374e01a8d66fb1165c61f7_Shape">
            <a:extLst>
              <a:ext uri="{FF2B5EF4-FFF2-40B4-BE49-F238E27FC236}">
                <a16:creationId xmlns:a16="http://schemas.microsoft.com/office/drawing/2014/main" id="{2C78380C-368D-4EB1-9C4F-7D117F1F373E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 rot="16200000">
            <a:off x="8698534" y="2040578"/>
            <a:ext cx="134144" cy="154781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 sz="1464"/>
          </a:p>
        </p:txBody>
      </p:sp>
      <p:sp>
        <p:nvSpPr>
          <p:cNvPr id="1217" name="OTLSHAPE_M_5cb93c42c4ca4be89de13d38ebfbf34b_Title">
            <a:extLst>
              <a:ext uri="{FF2B5EF4-FFF2-40B4-BE49-F238E27FC236}">
                <a16:creationId xmlns:a16="http://schemas.microsoft.com/office/drawing/2014/main" id="{AF8C81A9-85F3-4670-8088-38FC2A412D5A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019745" y="2026068"/>
            <a:ext cx="722312" cy="1238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ES" sz="811" b="1" spc="-5">
                <a:solidFill>
                  <a:schemeClr val="dk1"/>
                </a:solidFill>
                <a:latin typeface="Futura Std Book" panose="020B0502020204020303" pitchFamily="34" charset="0"/>
              </a:rPr>
              <a:t>Inicio del TFG</a:t>
            </a:r>
          </a:p>
        </p:txBody>
      </p:sp>
      <p:sp>
        <p:nvSpPr>
          <p:cNvPr id="1218" name="OTLSHAPE_M_5cb93c42c4ca4be89de13d38ebfbf34b_Date">
            <a:extLst>
              <a:ext uri="{FF2B5EF4-FFF2-40B4-BE49-F238E27FC236}">
                <a16:creationId xmlns:a16="http://schemas.microsoft.com/office/drawing/2014/main" id="{05ABB278-CC22-4D00-81D9-86B9B175B1E7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2019746" y="2160211"/>
            <a:ext cx="278606" cy="1238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ES" sz="811" spc="-14">
                <a:solidFill>
                  <a:schemeClr val="dk2"/>
                </a:solidFill>
                <a:latin typeface="Futura Std Book" panose="020B0502020204020303" pitchFamily="34" charset="0"/>
              </a:rPr>
              <a:t>4 feb.</a:t>
            </a:r>
          </a:p>
        </p:txBody>
      </p:sp>
      <p:sp>
        <p:nvSpPr>
          <p:cNvPr id="1220" name="OTLSHAPE_M_ce26170957a94899b810e6f3c6ef8ef5_Title">
            <a:extLst>
              <a:ext uri="{FF2B5EF4-FFF2-40B4-BE49-F238E27FC236}">
                <a16:creationId xmlns:a16="http://schemas.microsoft.com/office/drawing/2014/main" id="{9023E8BD-2C55-49D0-AB7C-7475463024A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8609626" y="1427574"/>
            <a:ext cx="629445" cy="2476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ES" sz="811" b="1" spc="-10" dirty="0">
                <a:solidFill>
                  <a:schemeClr val="dk1"/>
                </a:solidFill>
                <a:latin typeface="Futura Std Book" panose="020B0502020204020303" pitchFamily="34" charset="0"/>
              </a:rPr>
              <a:t>Entrega de </a:t>
            </a:r>
            <a:br>
              <a:rPr lang="es-ES" sz="811" b="1" spc="-10" dirty="0">
                <a:solidFill>
                  <a:schemeClr val="dk1"/>
                </a:solidFill>
                <a:latin typeface="Futura Std Book" panose="020B0502020204020303" pitchFamily="34" charset="0"/>
              </a:rPr>
            </a:br>
            <a:r>
              <a:rPr lang="es-ES" sz="811" b="1" spc="-10" dirty="0">
                <a:solidFill>
                  <a:schemeClr val="dk1"/>
                </a:solidFill>
                <a:latin typeface="Futura Std Book" panose="020B0502020204020303" pitchFamily="34" charset="0"/>
              </a:rPr>
              <a:t>la memoria</a:t>
            </a:r>
          </a:p>
        </p:txBody>
      </p:sp>
      <p:sp>
        <p:nvSpPr>
          <p:cNvPr id="1221" name="OTLSHAPE_M_ce26170957a94899b810e6f3c6ef8ef5_Date">
            <a:extLst>
              <a:ext uri="{FF2B5EF4-FFF2-40B4-BE49-F238E27FC236}">
                <a16:creationId xmlns:a16="http://schemas.microsoft.com/office/drawing/2014/main" id="{BBBD5E57-1B92-497F-8FC8-0A7989EF3CB3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609623" y="1685075"/>
            <a:ext cx="330201" cy="1247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811" spc="-13" dirty="0">
                <a:solidFill>
                  <a:schemeClr val="dk2"/>
                </a:solidFill>
                <a:latin typeface="Futura Std Book" panose="020B0502020204020303" pitchFamily="34" charset="0"/>
              </a:rPr>
              <a:t>19 jun.</a:t>
            </a:r>
          </a:p>
        </p:txBody>
      </p:sp>
      <p:sp>
        <p:nvSpPr>
          <p:cNvPr id="41" name="OTLSHAPE_M_afcf5eedd0374e01a8d66fb1165c61f7_Title">
            <a:extLst>
              <a:ext uri="{FF2B5EF4-FFF2-40B4-BE49-F238E27FC236}">
                <a16:creationId xmlns:a16="http://schemas.microsoft.com/office/drawing/2014/main" id="{65ED4700-78A2-4150-B666-9ABF949385EE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8864598" y="1901289"/>
            <a:ext cx="732633" cy="2495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811" b="1" spc="-10" dirty="0">
                <a:solidFill>
                  <a:schemeClr val="dk1"/>
                </a:solidFill>
                <a:latin typeface="Futura Std Book" panose="020B0502020204020303" pitchFamily="34" charset="0"/>
              </a:rPr>
              <a:t>Presentación </a:t>
            </a:r>
            <a:br>
              <a:rPr lang="es-ES" sz="811" b="1" spc="-10" dirty="0">
                <a:solidFill>
                  <a:schemeClr val="dk1"/>
                </a:solidFill>
                <a:latin typeface="Futura Std Book" panose="020B0502020204020303" pitchFamily="34" charset="0"/>
              </a:rPr>
            </a:br>
            <a:r>
              <a:rPr lang="es-ES" sz="811" b="1" spc="-10" dirty="0">
                <a:solidFill>
                  <a:schemeClr val="dk1"/>
                </a:solidFill>
                <a:latin typeface="Futura Std Book" panose="020B0502020204020303" pitchFamily="34" charset="0"/>
              </a:rPr>
              <a:t>del TFG</a:t>
            </a:r>
          </a:p>
        </p:txBody>
      </p:sp>
      <p:sp>
        <p:nvSpPr>
          <p:cNvPr id="45" name="OTLSHAPE_M_afcf5eedd0374e01a8d66fb1165c61f7_Date">
            <a:extLst>
              <a:ext uri="{FF2B5EF4-FFF2-40B4-BE49-F238E27FC236}">
                <a16:creationId xmlns:a16="http://schemas.microsoft.com/office/drawing/2014/main" id="{C81B4382-2460-4AF5-B85A-7155EFCA525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864597" y="2160211"/>
            <a:ext cx="330201" cy="1238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ES" sz="811" spc="-13">
                <a:solidFill>
                  <a:schemeClr val="dk2"/>
                </a:solidFill>
                <a:latin typeface="Futura Std Book" panose="020B0502020204020303" pitchFamily="34" charset="0"/>
              </a:rPr>
              <a:t>24 jun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8578527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XMtRVMiLCJTdHlsZU5hbWUiOiJHYW50dCIsIlZlcnNpb24iOnsiJGlkIjoiMiIsIlZlcnNpb24iOiIzLjIuMCIsIk9yaWdpbmFsQXNzZW1ibHlWZXJzaW9uIjoiMy4wMC4wNC4wMCIsIkVkaXRpb24iOiJGcmVlIiwiSXNQbHVzRWRpdGlvbiI6ZmFsc2UsIklzUHJvRWRpdGlvbiI6ZmFsc2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OTQsIkciOjk0LCJCIjo5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yMCwiRm9udE5hbWUiOiJGdXR1cmEgU3RkIEJvb2s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NDQsIkZvbnROYW1lIjoiRnV0dXJhIFN0ZCBCb29r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Z1dHVyYSBTdGQgQm9vay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AsIlRvZGF5TWFya2VyUG9zaXRpb24iOjAsIlF1aWNrUG9zaXRpb24iOjMsIkFic29sdXRlUG9zaXRpb24iOjE3Ni4wN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AsIkciOjAsIkIiOjB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xMTIsIkciOjE3MywiQiI6NzF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wLCJGb250TmFtZSI6IkZ1dHVyYSBTdGQgQm9vay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Z1dHVyYSBTdGQgQm9vay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GdXR1cmEgU3RkIEJvb2siLCJJc0JvbGQiOmZhbHNlLCJJc0l0YWxpYyI6ZmFsc2UsIklzVW5kZXJsaW5lZCI6ZmFsc2UsIlBhcmVudFN0eWxlIjpudWxsfSwiQXV0b1NpemUiOjAsIkZvcmVncm91bmQiOnsiJGlkIjoiOTMiLCJDb2xvciI6eyIkaWQiOiI5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yLCJFbmREYXRlUG9zaXRpb24iOjIsIkRhdGVJc1Zpc2libGUiOnRydWUsIlRpdGxlUG9zaXRpb24iOjAsIkR1cmF0aW9uUG9zaXRpb24iOjQsIlBlcmNlbnRhZ2VDb21wbGV0ZWRQb3NpdGlvbiI6MiwiU3BhY2luZyI6NS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xMTIsIkciOjE3MywiQiI6NzF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GdXR1cmEgU3RkIE1lZGl1b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GdXR1cmEgU3RkIEJvb2siLCJJc0JvbGQiOmZhbHNlLCJJc0l0YWxpYyI6ZmFsc2UsIklzVW5kZXJsaW5lZCI6ZmFsc2UsIlBhcmVudFN0eWxlIjpudWxsfSwiQXV0b1NpemUiOjAsIkZvcmVncm91bmQiOnsiJGlkIjoiMTIxIiwiQ29sb3IiOnsiJGlkIjoiMTI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NyIsIkRhdGVQYXJ0SXNWaXNpYmxlIjp0cnVlLCJUaW1lUGFydElzVmlzaWJsZSI6dHJ1ZX1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dHJ1ZSwiU3BhY2luZyI6ZmFsc2UsIklzQmVsb3dUaW1lYmFuZCI6ZmFsc2UsIkRhdGVGb3JtYXQiOmZhbHNlLCJJc1Zpc2libGU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0NiIsIkxpbmVDb2xvciI6bnVsbCwiTGluZVdlaWdodCI6MC4wLCJMaW5lVHlwZSI6MCwiUGFyZW50U3R5bGUiOm51bGx9LCJQYXJlbnRTdHlsZSI6bnVsbH0sIkRhdGVGb3JtYXQiOnsiJGlkIjoiMzQ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3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dHJ1ZX0sIklzTmV3IjpmYWxzZSwiSW1wb3J0VHlwZSI6MCwiRmlsZVBhdGgiOm51bGwsIlRpbWVDb25maWd1cmF0aW9uIjp7IiRpZCI6IjU1MCIsIlVzZVRpbWUiOmZhbHNlLCJXb3JrRGF5U3RhcnQiOiIwMDowMDowMCIsIldvcmtEYXlFbmQiOiIyMzo1OTowMCJ9LCJMYXN0VXNlZFRlbXBsYXRlSWQiOiJjYzI2Zjg2My0yN2NlLTQ4MGUtYTU4OS1iM2YxMmYyZDZlYjAifQ==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Tema de 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Tema de 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Tema de 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019f6c-b0e0-4e4c-a8bf-0404b70041b7"/>
    <ds:schemaRef ds:uri="3a44955a-9611-4e11-b394-5c7f996d2a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A75EC8C0-5113-4EFD-AE80-6BEE7563151B}">
  <ds:schemaRefs>
    <ds:schemaRef ds:uri="http://purl.org/dc/terms/"/>
    <ds:schemaRef ds:uri="http://purl.org/dc/elements/1.1/"/>
    <ds:schemaRef ds:uri="http://schemas.openxmlformats.org/package/2006/metadata/core-properties"/>
    <ds:schemaRef ds:uri="http://schemas.microsoft.com/office/infopath/2007/PartnerControls"/>
    <ds:schemaRef ds:uri="http://www.w3.org/XML/1998/namespace"/>
    <ds:schemaRef ds:uri="http://schemas.microsoft.com/office/2006/documentManagement/types"/>
    <ds:schemaRef ds:uri="http://purl.org/dc/dcmitype/"/>
    <ds:schemaRef ds:uri="http://schemas.microsoft.com/office/2006/metadata/properties"/>
    <ds:schemaRef ds:uri="3a44955a-9611-4e11-b394-5c7f996d2a5e"/>
    <ds:schemaRef ds:uri="7a019f6c-b0e0-4e4c-a8bf-0404b70041b7"/>
  </ds:schemaRefs>
</ds:datastoreItem>
</file>

<file path=customXml/itemProps3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31</Words>
  <Application>Microsoft Office PowerPoint</Application>
  <PresentationFormat>A4 (210 x 297 mm)</PresentationFormat>
  <Paragraphs>36</Paragraphs>
  <Slides>1</Slides>
  <Notes>0</Notes>
  <HiddenSlides>0</HiddenSlides>
  <MMClips>0</MMClips>
  <ScaleCrop>false</ScaleCrop>
  <HeadingPairs>
    <vt:vector size="6" baseType="variant">
      <vt:variant>
        <vt:lpstr>Fuentes usadas</vt:lpstr>
      </vt:variant>
      <vt:variant>
        <vt:i4>5</vt:i4>
      </vt:variant>
      <vt:variant>
        <vt:lpstr>Tema</vt:lpstr>
      </vt:variant>
      <vt:variant>
        <vt:i4>1</vt:i4>
      </vt:variant>
      <vt:variant>
        <vt:lpstr>Títulos de diapositiva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Futura Std Book</vt:lpstr>
      <vt:lpstr>Futura Std Medium</vt:lpstr>
      <vt:lpstr>Office Theme</vt:lpstr>
      <vt:lpstr>Presentación de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0-03-10T21:37:17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F5D4579C79BA848862C07EA745A59DA</vt:lpwstr>
  </property>
</Properties>
</file>